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„🍄令和5年11月1日現在🍄„\03_HP用\"/>
    </mc:Choice>
  </mc:AlternateContent>
  <bookViews>
    <workbookView xWindow="0" yWindow="0" windowWidth="15255" windowHeight="10290"/>
  </bookViews>
  <sheets>
    <sheet name="人口異動" sheetId="96" r:id="rId1"/>
  </sheets>
  <definedNames>
    <definedName name="_Order1">255</definedName>
    <definedName name="_xlnm.Print_Area" localSheetId="0">人口異動!$A$1:$M$45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" uniqueCount="55">
  <si>
    <t>人</t>
  </si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清川村</t>
  </si>
  <si>
    <t>山北町</t>
  </si>
  <si>
    <t>真鶴町</t>
  </si>
  <si>
    <t>中井町</t>
  </si>
  <si>
    <t>二宮町</t>
  </si>
  <si>
    <t>松田町</t>
  </si>
  <si>
    <t>大井町</t>
  </si>
  <si>
    <t>湯河原町</t>
  </si>
  <si>
    <t>大磯町</t>
  </si>
  <si>
    <t>愛川町</t>
  </si>
  <si>
    <t>開成町</t>
  </si>
  <si>
    <t>箱根町</t>
  </si>
  <si>
    <t>横須賀市</t>
  </si>
  <si>
    <t>県計</t>
  </si>
  <si>
    <t>市部計</t>
  </si>
  <si>
    <t>郡部計</t>
  </si>
  <si>
    <t>横浜市</t>
  </si>
  <si>
    <t>川崎市</t>
  </si>
  <si>
    <t>相模原市</t>
  </si>
  <si>
    <t>人口増減</t>
    <rPh sb="2" eb="4">
      <t>ゾウゲン</t>
    </rPh>
    <phoneticPr fontId="6"/>
  </si>
  <si>
    <t>対 前 月</t>
    <rPh sb="0" eb="1">
      <t>タイ</t>
    </rPh>
    <rPh sb="2" eb="3">
      <t>マエ</t>
    </rPh>
    <rPh sb="4" eb="5">
      <t>ツキ</t>
    </rPh>
    <phoneticPr fontId="6"/>
  </si>
  <si>
    <t>女性100人に対</t>
    <rPh sb="1" eb="2">
      <t>セイ</t>
    </rPh>
    <rPh sb="7" eb="8">
      <t>タイ</t>
    </rPh>
    <phoneticPr fontId="6"/>
  </si>
  <si>
    <t>人口総数に</t>
  </si>
  <si>
    <t>出  生</t>
  </si>
  <si>
    <t>死  亡</t>
  </si>
  <si>
    <t>転  入</t>
  </si>
  <si>
    <t>転  出</t>
  </si>
  <si>
    <t>増 減 率</t>
    <rPh sb="0" eb="1">
      <t>ゾウ</t>
    </rPh>
    <rPh sb="2" eb="3">
      <t>ゲン</t>
    </rPh>
    <rPh sb="4" eb="5">
      <t>リツ</t>
    </rPh>
    <phoneticPr fontId="6"/>
  </si>
  <si>
    <t>する男性の数</t>
    <rPh sb="3" eb="4">
      <t>セイ</t>
    </rPh>
    <rPh sb="5" eb="6">
      <t>カズ</t>
    </rPh>
    <phoneticPr fontId="6"/>
  </si>
  <si>
    <t>対する割合</t>
  </si>
  <si>
    <t>％</t>
  </si>
  <si>
    <t>葉山町</t>
  </si>
  <si>
    <t>寒川町</t>
  </si>
  <si>
    <t>市町村名</t>
    <rPh sb="3" eb="4">
      <t>メイ</t>
    </rPh>
    <phoneticPr fontId="6"/>
  </si>
  <si>
    <t>自然増減</t>
    <phoneticPr fontId="6"/>
  </si>
  <si>
    <t>社会増減</t>
    <phoneticPr fontId="6"/>
  </si>
  <si>
    <t>神奈川県人口統計調査結果「神奈川県の人口と世帯」</t>
    <phoneticPr fontId="4"/>
  </si>
  <si>
    <t>（注） 転入・転出者数は、県内市区町村間の移動を含みます。</t>
    <phoneticPr fontId="6"/>
  </si>
  <si>
    <t>令和5年10月中の人口異動等(市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_ ;[Red]\-#,##0\ "/>
    <numFmt numFmtId="177" formatCode="0.0_ ;[Red]\-0.0\ "/>
    <numFmt numFmtId="178" formatCode="#,##0.00_ ;[Red]\-#,##0.00\ "/>
    <numFmt numFmtId="179" formatCode="#,##0_ "/>
    <numFmt numFmtId="180" formatCode="#,##0.0_ "/>
    <numFmt numFmtId="181" formatCode="0.00_ ;[White]\-0.00\ "/>
    <numFmt numFmtId="182" formatCode="0.00_ ;\-0.00\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name val="HGPｺﾞｼｯｸE"/>
      <family val="3"/>
      <charset val="128"/>
    </font>
    <font>
      <sz val="12"/>
      <name val="HGPｺﾞｼｯｸM"/>
      <family val="3"/>
      <charset val="128"/>
    </font>
    <font>
      <sz val="10"/>
      <name val="HGPｺﾞｼｯｸM"/>
      <family val="3"/>
      <charset val="128"/>
    </font>
    <font>
      <sz val="20"/>
      <name val="HGPｺﾞｼｯｸM"/>
      <family val="3"/>
      <charset val="128"/>
    </font>
    <font>
      <sz val="11"/>
      <color theme="0"/>
      <name val="明朝"/>
      <family val="1"/>
      <charset val="128"/>
    </font>
    <font>
      <sz val="11"/>
      <color theme="0"/>
      <name val="HGPｺﾞｼｯｸM"/>
      <family val="3"/>
      <charset val="128"/>
    </font>
    <font>
      <sz val="10"/>
      <name val="明朝"/>
      <family val="1"/>
      <charset val="128"/>
    </font>
    <font>
      <sz val="11"/>
      <color theme="1"/>
      <name val="HGPｺﾞｼｯｸM"/>
      <family val="3"/>
      <charset val="128"/>
    </font>
    <font>
      <sz val="20"/>
      <name val="明朝"/>
      <family val="1"/>
      <charset val="128"/>
    </font>
    <font>
      <sz val="9.5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8.5"/>
      <name val="HGPｺﾞｼｯｸM"/>
      <family val="3"/>
      <charset val="128"/>
    </font>
    <font>
      <sz val="11"/>
      <color theme="0"/>
      <name val="ＭＳ ゴシック"/>
      <family val="3"/>
      <charset val="128"/>
    </font>
    <font>
      <sz val="11"/>
      <name val="ＭＳ ゴシック"/>
      <family val="3"/>
      <charset val="128"/>
    </font>
    <font>
      <sz val="22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5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8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19" fillId="0" borderId="0"/>
    <xf numFmtId="0" fontId="20" fillId="0" borderId="0"/>
    <xf numFmtId="0" fontId="21" fillId="0" borderId="0">
      <alignment vertical="center"/>
    </xf>
    <xf numFmtId="38" fontId="21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4">
    <xf numFmtId="0" fontId="0" fillId="0" borderId="0" xfId="0">
      <alignment vertical="center"/>
    </xf>
    <xf numFmtId="0" fontId="2" fillId="0" borderId="0" xfId="1" applyFont="1" applyAlignment="1">
      <alignment horizontal="centerContinuous"/>
    </xf>
    <xf numFmtId="179" fontId="2" fillId="0" borderId="12" xfId="3" applyNumberFormat="1" applyFont="1" applyBorder="1" applyAlignment="1" applyProtection="1">
      <alignment vertical="center"/>
    </xf>
    <xf numFmtId="37" fontId="17" fillId="0" borderId="0" xfId="5" applyFont="1" applyAlignment="1" applyProtection="1">
      <alignment horizontal="center" vertical="center"/>
      <protection locked="0"/>
    </xf>
    <xf numFmtId="37" fontId="12" fillId="0" borderId="0" xfId="5" applyFont="1" applyAlignment="1" applyProtection="1">
      <alignment horizontal="center" vertical="center"/>
      <protection locked="0"/>
    </xf>
    <xf numFmtId="37" fontId="1" fillId="0" borderId="0" xfId="5" applyFont="1" applyAlignment="1">
      <alignment horizontal="center" vertical="center"/>
    </xf>
    <xf numFmtId="37" fontId="1" fillId="0" borderId="0" xfId="5" applyFont="1"/>
    <xf numFmtId="37" fontId="12" fillId="0" borderId="0" xfId="5" applyFont="1" applyAlignment="1" applyProtection="1">
      <alignment horizontal="centerContinuous"/>
      <protection locked="0"/>
    </xf>
    <xf numFmtId="37" fontId="2" fillId="0" borderId="0" xfId="5" applyFont="1" applyAlignment="1">
      <alignment horizontal="centerContinuous"/>
    </xf>
    <xf numFmtId="37" fontId="10" fillId="0" borderId="0" xfId="5" applyFont="1" applyAlignment="1">
      <alignment horizontal="centerContinuous"/>
    </xf>
    <xf numFmtId="37" fontId="1" fillId="0" borderId="0" xfId="5" applyFont="1" applyAlignment="1">
      <alignment horizontal="centerContinuous"/>
    </xf>
    <xf numFmtId="37" fontId="1" fillId="0" borderId="6" xfId="5" applyFont="1" applyBorder="1" applyAlignment="1">
      <alignment vertical="center"/>
    </xf>
    <xf numFmtId="37" fontId="1" fillId="0" borderId="9" xfId="5" applyFont="1" applyBorder="1"/>
    <xf numFmtId="37" fontId="1" fillId="0" borderId="10" xfId="5" applyFont="1" applyBorder="1" applyAlignment="1">
      <alignment vertical="center"/>
    </xf>
    <xf numFmtId="37" fontId="1" fillId="0" borderId="12" xfId="5" applyFont="1" applyBorder="1"/>
    <xf numFmtId="37" fontId="2" fillId="0" borderId="0" xfId="5" applyFont="1" applyBorder="1" applyAlignment="1">
      <alignment horizontal="distributed"/>
    </xf>
    <xf numFmtId="37" fontId="2" fillId="0" borderId="6" xfId="5" applyFont="1" applyBorder="1" applyAlignment="1" applyProtection="1">
      <alignment horizontal="right"/>
    </xf>
    <xf numFmtId="37" fontId="2" fillId="0" borderId="15" xfId="5" applyFont="1" applyBorder="1" applyAlignment="1" applyProtection="1">
      <alignment horizontal="right"/>
    </xf>
    <xf numFmtId="37" fontId="2" fillId="0" borderId="13" xfId="5" applyFont="1" applyBorder="1" applyAlignment="1" applyProtection="1">
      <alignment horizontal="right"/>
    </xf>
    <xf numFmtId="37" fontId="1" fillId="0" borderId="0" xfId="5" applyFont="1" applyBorder="1"/>
    <xf numFmtId="37" fontId="13" fillId="3" borderId="12" xfId="5" applyFont="1" applyFill="1" applyBorder="1"/>
    <xf numFmtId="37" fontId="14" fillId="3" borderId="0" xfId="5" applyFont="1" applyFill="1" applyBorder="1" applyAlignment="1" applyProtection="1">
      <alignment horizontal="distributed" vertical="center"/>
    </xf>
    <xf numFmtId="179" fontId="14" fillId="3" borderId="12" xfId="3" applyNumberFormat="1" applyFont="1" applyFill="1" applyBorder="1" applyAlignment="1" applyProtection="1">
      <alignment vertical="center"/>
    </xf>
    <xf numFmtId="179" fontId="14" fillId="3" borderId="1" xfId="3" applyNumberFormat="1" applyFont="1" applyFill="1" applyBorder="1" applyAlignment="1" applyProtection="1">
      <alignment vertical="center"/>
    </xf>
    <xf numFmtId="181" fontId="14" fillId="3" borderId="1" xfId="3" applyNumberFormat="1" applyFont="1" applyFill="1" applyBorder="1" applyAlignment="1" applyProtection="1">
      <alignment vertical="center"/>
      <protection locked="0"/>
    </xf>
    <xf numFmtId="180" fontId="14" fillId="3" borderId="1" xfId="3" applyNumberFormat="1" applyFont="1" applyFill="1" applyBorder="1" applyAlignment="1" applyProtection="1">
      <alignment vertical="center"/>
    </xf>
    <xf numFmtId="180" fontId="14" fillId="3" borderId="14" xfId="3" applyNumberFormat="1" applyFont="1" applyFill="1" applyBorder="1" applyAlignment="1" applyProtection="1">
      <alignment vertical="center"/>
    </xf>
    <xf numFmtId="37" fontId="9" fillId="0" borderId="0" xfId="5" applyFont="1" applyBorder="1" applyAlignment="1" applyProtection="1">
      <alignment horizontal="distributed" vertical="center"/>
    </xf>
    <xf numFmtId="37" fontId="2" fillId="0" borderId="0" xfId="5" applyFont="1" applyBorder="1" applyAlignment="1" applyProtection="1">
      <alignment horizontal="distributed" vertical="center"/>
    </xf>
    <xf numFmtId="179" fontId="2" fillId="0" borderId="1" xfId="3" applyNumberFormat="1" applyFont="1" applyBorder="1" applyAlignment="1" applyProtection="1">
      <alignment vertical="center"/>
    </xf>
    <xf numFmtId="182" fontId="2" fillId="0" borderId="1" xfId="3" applyNumberFormat="1" applyFont="1" applyBorder="1" applyAlignment="1" applyProtection="1">
      <alignment vertical="center"/>
    </xf>
    <xf numFmtId="180" fontId="2" fillId="0" borderId="1" xfId="3" applyNumberFormat="1" applyFont="1" applyBorder="1" applyAlignment="1" applyProtection="1">
      <alignment vertical="center"/>
    </xf>
    <xf numFmtId="180" fontId="2" fillId="0" borderId="14" xfId="3" applyNumberFormat="1" applyFont="1" applyBorder="1" applyAlignment="1" applyProtection="1">
      <alignment vertical="center"/>
    </xf>
    <xf numFmtId="37" fontId="2" fillId="0" borderId="12" xfId="5" applyFont="1" applyBorder="1"/>
    <xf numFmtId="37" fontId="2" fillId="0" borderId="1" xfId="5" applyFont="1" applyBorder="1"/>
    <xf numFmtId="182" fontId="2" fillId="0" borderId="1" xfId="5" applyNumberFormat="1" applyFont="1" applyBorder="1" applyAlignment="1">
      <alignment vertical="center"/>
    </xf>
    <xf numFmtId="180" fontId="2" fillId="0" borderId="1" xfId="5" applyNumberFormat="1" applyFont="1" applyBorder="1" applyAlignment="1">
      <alignment vertical="center"/>
    </xf>
    <xf numFmtId="180" fontId="2" fillId="0" borderId="14" xfId="5" applyNumberFormat="1" applyFont="1" applyBorder="1" applyAlignment="1">
      <alignment vertical="center"/>
    </xf>
    <xf numFmtId="37" fontId="1" fillId="2" borderId="12" xfId="5" applyFont="1" applyFill="1" applyBorder="1"/>
    <xf numFmtId="37" fontId="2" fillId="2" borderId="0" xfId="5" applyFont="1" applyFill="1" applyBorder="1" applyAlignment="1" applyProtection="1">
      <alignment horizontal="distributed" vertical="center"/>
    </xf>
    <xf numFmtId="179" fontId="2" fillId="2" borderId="12" xfId="3" applyNumberFormat="1" applyFont="1" applyFill="1" applyBorder="1" applyAlignment="1" applyProtection="1">
      <alignment vertical="center"/>
    </xf>
    <xf numFmtId="179" fontId="2" fillId="2" borderId="1" xfId="3" applyNumberFormat="1" applyFont="1" applyFill="1" applyBorder="1" applyAlignment="1" applyProtection="1">
      <alignment vertical="center"/>
    </xf>
    <xf numFmtId="182" fontId="2" fillId="2" borderId="1" xfId="3" applyNumberFormat="1" applyFont="1" applyFill="1" applyBorder="1" applyAlignment="1" applyProtection="1">
      <alignment vertical="center"/>
    </xf>
    <xf numFmtId="180" fontId="2" fillId="2" borderId="1" xfId="3" applyNumberFormat="1" applyFont="1" applyFill="1" applyBorder="1" applyAlignment="1" applyProtection="1">
      <alignment vertical="center"/>
    </xf>
    <xf numFmtId="180" fontId="2" fillId="2" borderId="14" xfId="3" applyNumberFormat="1" applyFont="1" applyFill="1" applyBorder="1" applyAlignment="1" applyProtection="1">
      <alignment vertical="center"/>
    </xf>
    <xf numFmtId="37" fontId="15" fillId="0" borderId="0" xfId="5" applyFont="1"/>
    <xf numFmtId="37" fontId="1" fillId="0" borderId="2" xfId="5" applyFont="1" applyBorder="1"/>
    <xf numFmtId="37" fontId="5" fillId="0" borderId="2" xfId="5" applyFont="1" applyBorder="1" applyAlignment="1" applyProtection="1">
      <alignment horizontal="distributed" vertical="center"/>
    </xf>
    <xf numFmtId="176" fontId="2" fillId="0" borderId="2" xfId="5" applyNumberFormat="1" applyFont="1" applyBorder="1" applyAlignment="1" applyProtection="1">
      <alignment vertical="center"/>
    </xf>
    <xf numFmtId="178" fontId="2" fillId="0" borderId="2" xfId="5" applyNumberFormat="1" applyFont="1" applyBorder="1" applyAlignment="1" applyProtection="1">
      <alignment vertical="center"/>
    </xf>
    <xf numFmtId="177" fontId="2" fillId="0" borderId="2" xfId="5" applyNumberFormat="1" applyFont="1" applyBorder="1" applyAlignment="1" applyProtection="1">
      <alignment vertical="center"/>
    </xf>
    <xf numFmtId="37" fontId="2" fillId="0" borderId="0" xfId="5" applyFont="1"/>
    <xf numFmtId="37" fontId="18" fillId="0" borderId="0" xfId="5" applyFont="1" applyAlignment="1" applyProtection="1">
      <alignment horizontal="left"/>
    </xf>
    <xf numFmtId="176" fontId="2" fillId="0" borderId="0" xfId="5" applyNumberFormat="1" applyFont="1" applyBorder="1" applyAlignment="1" applyProtection="1">
      <alignment vertical="center"/>
    </xf>
    <xf numFmtId="178" fontId="2" fillId="0" borderId="0" xfId="5" applyNumberFormat="1" applyFont="1" applyBorder="1" applyAlignment="1" applyProtection="1">
      <alignment vertical="center"/>
    </xf>
    <xf numFmtId="177" fontId="2" fillId="0" borderId="0" xfId="5" applyNumberFormat="1" applyFont="1" applyBorder="1" applyAlignment="1" applyProtection="1">
      <alignment vertical="center"/>
    </xf>
    <xf numFmtId="37" fontId="2" fillId="0" borderId="0" xfId="5" applyFont="1" applyBorder="1"/>
    <xf numFmtId="0" fontId="11" fillId="0" borderId="0" xfId="0" applyFont="1" applyAlignment="1"/>
    <xf numFmtId="0" fontId="2" fillId="0" borderId="0" xfId="0" applyFont="1" applyAlignment="1"/>
    <xf numFmtId="0" fontId="16" fillId="0" borderId="2" xfId="10" applyFont="1" applyBorder="1" applyAlignment="1">
      <alignment horizontal="right" vertical="center"/>
    </xf>
    <xf numFmtId="37" fontId="2" fillId="0" borderId="0" xfId="5" applyFont="1" applyAlignment="1" applyProtection="1">
      <alignment horizontal="left" vertical="center"/>
    </xf>
    <xf numFmtId="37" fontId="11" fillId="0" borderId="0" xfId="5" applyFont="1" applyAlignment="1" applyProtection="1"/>
    <xf numFmtId="0" fontId="1" fillId="0" borderId="0" xfId="3" applyNumberFormat="1" applyFont="1"/>
    <xf numFmtId="37" fontId="2" fillId="0" borderId="2" xfId="5" applyFont="1" applyBorder="1" applyAlignment="1">
      <alignment vertical="center"/>
    </xf>
    <xf numFmtId="37" fontId="2" fillId="0" borderId="4" xfId="5" applyFont="1" applyBorder="1" applyAlignment="1">
      <alignment horizontal="centerContinuous" vertical="center"/>
    </xf>
    <xf numFmtId="37" fontId="22" fillId="0" borderId="3" xfId="5" applyFont="1" applyBorder="1" applyAlignment="1" applyProtection="1">
      <alignment horizontal="center" vertical="center"/>
    </xf>
    <xf numFmtId="37" fontId="11" fillId="0" borderId="8" xfId="5" applyFont="1" applyBorder="1" applyAlignment="1" applyProtection="1">
      <alignment horizontal="center" vertical="center"/>
    </xf>
    <xf numFmtId="37" fontId="2" fillId="0" borderId="17" xfId="5" applyFont="1" applyBorder="1" applyAlignment="1" applyProtection="1">
      <alignment horizontal="distributed" vertical="center"/>
    </xf>
    <xf numFmtId="37" fontId="22" fillId="0" borderId="5" xfId="5" applyFont="1" applyBorder="1" applyAlignment="1" applyProtection="1">
      <alignment horizontal="center" vertical="center"/>
    </xf>
    <xf numFmtId="37" fontId="11" fillId="0" borderId="11" xfId="5" applyFont="1" applyBorder="1" applyAlignment="1" applyProtection="1">
      <alignment horizontal="center" vertical="center"/>
    </xf>
    <xf numFmtId="37" fontId="23" fillId="3" borderId="0" xfId="5" applyFont="1" applyFill="1" applyBorder="1" applyAlignment="1" applyProtection="1">
      <alignment horizontal="distributed" vertical="center"/>
    </xf>
    <xf numFmtId="37" fontId="24" fillId="0" borderId="0" xfId="5" applyFont="1" applyBorder="1" applyAlignment="1" applyProtection="1">
      <alignment horizontal="distributed" vertical="center"/>
    </xf>
    <xf numFmtId="37" fontId="24" fillId="0" borderId="0" xfId="5" applyFont="1" applyBorder="1" applyAlignment="1">
      <alignment horizontal="distributed" vertical="center"/>
    </xf>
    <xf numFmtId="37" fontId="24" fillId="2" borderId="0" xfId="5" applyFont="1" applyFill="1" applyBorder="1" applyAlignment="1" applyProtection="1">
      <alignment horizontal="distributed" vertical="center"/>
    </xf>
    <xf numFmtId="37" fontId="2" fillId="0" borderId="2" xfId="5" applyFont="1" applyBorder="1" applyAlignment="1" applyProtection="1">
      <alignment horizontal="distributed"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  <xf numFmtId="37" fontId="25" fillId="0" borderId="0" xfId="5" applyFont="1" applyAlignment="1" applyProtection="1">
      <alignment horizontal="distributed" vertical="center"/>
      <protection locked="0"/>
    </xf>
    <xf numFmtId="37" fontId="2" fillId="0" borderId="2" xfId="5" applyFont="1" applyBorder="1" applyAlignment="1" applyProtection="1">
      <alignment horizontal="distributed" vertical="center"/>
    </xf>
    <xf numFmtId="0" fontId="2" fillId="0" borderId="17" xfId="1" applyFont="1" applyBorder="1" applyAlignment="1">
      <alignment vertical="center"/>
    </xf>
    <xf numFmtId="37" fontId="2" fillId="0" borderId="7" xfId="5" applyFont="1" applyBorder="1" applyAlignment="1" applyProtection="1">
      <alignment horizontal="center" vertical="center"/>
    </xf>
    <xf numFmtId="0" fontId="2" fillId="0" borderId="16" xfId="1" applyFont="1" applyBorder="1" applyAlignment="1">
      <alignment vertical="center"/>
    </xf>
    <xf numFmtId="37" fontId="2" fillId="0" borderId="3" xfId="5" applyFont="1" applyBorder="1" applyAlignment="1" applyProtection="1">
      <alignment horizontal="center" vertical="center"/>
    </xf>
    <xf numFmtId="37" fontId="2" fillId="0" borderId="5" xfId="5" applyFont="1" applyBorder="1" applyAlignment="1" applyProtection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50"/>
  <sheetViews>
    <sheetView tabSelected="1" view="pageBreakPreview" zoomScale="85" zoomScaleNormal="100" zoomScaleSheetLayoutView="85" workbookViewId="0"/>
  </sheetViews>
  <sheetFormatPr defaultRowHeight="14.25"/>
  <cols>
    <col min="1" max="1" width="1.625" style="6" customWidth="1"/>
    <col min="2" max="2" width="10.625" style="51" customWidth="1"/>
    <col min="3" max="3" width="1.625" style="51" customWidth="1"/>
    <col min="4" max="12" width="10.625" style="51" customWidth="1"/>
    <col min="13" max="13" width="10.625" style="6" customWidth="1"/>
  </cols>
  <sheetData>
    <row r="1" spans="1:15" s="5" customFormat="1" ht="27.75" customHeight="1">
      <c r="A1" s="3"/>
      <c r="B1" s="4"/>
      <c r="C1" s="4"/>
      <c r="D1" s="77" t="s">
        <v>54</v>
      </c>
      <c r="E1" s="77"/>
      <c r="F1" s="77"/>
      <c r="G1" s="77"/>
      <c r="H1" s="77"/>
      <c r="I1" s="77"/>
      <c r="J1" s="77"/>
      <c r="K1" s="77"/>
      <c r="L1" s="77"/>
      <c r="M1" s="3"/>
    </row>
    <row r="2" spans="1:15" s="6" customFormat="1" ht="11.25" customHeight="1" thickBot="1">
      <c r="B2" s="7"/>
      <c r="C2" s="7"/>
      <c r="D2" s="1"/>
      <c r="E2" s="8"/>
      <c r="F2" s="1"/>
      <c r="G2" s="1"/>
      <c r="H2" s="1"/>
      <c r="I2" s="8"/>
      <c r="J2" s="9"/>
      <c r="K2" s="8"/>
      <c r="L2" s="8"/>
      <c r="M2" s="10"/>
    </row>
    <row r="3" spans="1:15" s="6" customFormat="1" ht="18" customHeight="1">
      <c r="A3" s="11"/>
      <c r="B3" s="78" t="s">
        <v>49</v>
      </c>
      <c r="C3" s="63"/>
      <c r="D3" s="80" t="s">
        <v>35</v>
      </c>
      <c r="E3" s="82" t="s">
        <v>50</v>
      </c>
      <c r="F3" s="64"/>
      <c r="G3" s="64"/>
      <c r="H3" s="82" t="s">
        <v>51</v>
      </c>
      <c r="I3" s="64"/>
      <c r="J3" s="64"/>
      <c r="K3" s="75" t="s">
        <v>36</v>
      </c>
      <c r="L3" s="65" t="s">
        <v>37</v>
      </c>
      <c r="M3" s="66" t="s">
        <v>38</v>
      </c>
      <c r="N3" s="12"/>
    </row>
    <row r="4" spans="1:15" s="6" customFormat="1" ht="18" customHeight="1" thickBot="1">
      <c r="A4" s="13"/>
      <c r="B4" s="79"/>
      <c r="C4" s="67"/>
      <c r="D4" s="81"/>
      <c r="E4" s="83"/>
      <c r="F4" s="76" t="s">
        <v>39</v>
      </c>
      <c r="G4" s="76" t="s">
        <v>40</v>
      </c>
      <c r="H4" s="83"/>
      <c r="I4" s="76" t="s">
        <v>41</v>
      </c>
      <c r="J4" s="76" t="s">
        <v>42</v>
      </c>
      <c r="K4" s="76" t="s">
        <v>43</v>
      </c>
      <c r="L4" s="68" t="s">
        <v>44</v>
      </c>
      <c r="M4" s="69" t="s">
        <v>45</v>
      </c>
      <c r="N4" s="12"/>
    </row>
    <row r="5" spans="1:15" s="6" customFormat="1" ht="18" customHeight="1">
      <c r="A5" s="14"/>
      <c r="B5" s="15"/>
      <c r="C5" s="15"/>
      <c r="D5" s="16" t="s">
        <v>0</v>
      </c>
      <c r="E5" s="17" t="s">
        <v>0</v>
      </c>
      <c r="F5" s="17" t="s">
        <v>0</v>
      </c>
      <c r="G5" s="17" t="s">
        <v>0</v>
      </c>
      <c r="H5" s="17" t="s">
        <v>0</v>
      </c>
      <c r="I5" s="17" t="s">
        <v>0</v>
      </c>
      <c r="J5" s="17" t="s">
        <v>0</v>
      </c>
      <c r="K5" s="17" t="s">
        <v>46</v>
      </c>
      <c r="L5" s="17"/>
      <c r="M5" s="18" t="s">
        <v>46</v>
      </c>
      <c r="N5" s="19"/>
    </row>
    <row r="6" spans="1:15" s="6" customFormat="1" ht="21.75" customHeight="1">
      <c r="A6" s="20"/>
      <c r="B6" s="70" t="s">
        <v>29</v>
      </c>
      <c r="C6" s="21"/>
      <c r="D6" s="22">
        <v>-148</v>
      </c>
      <c r="E6" s="23">
        <v>-3766</v>
      </c>
      <c r="F6" s="23">
        <v>5010</v>
      </c>
      <c r="G6" s="23">
        <v>8776</v>
      </c>
      <c r="H6" s="23">
        <v>3618</v>
      </c>
      <c r="I6" s="23">
        <v>38093</v>
      </c>
      <c r="J6" s="23">
        <v>34475</v>
      </c>
      <c r="K6" s="24">
        <v>-1.6035168157449748E-3</v>
      </c>
      <c r="L6" s="25">
        <v>98.26440653207824</v>
      </c>
      <c r="M6" s="26">
        <v>100</v>
      </c>
      <c r="N6" s="19"/>
      <c r="O6" s="62"/>
    </row>
    <row r="7" spans="1:15" s="6" customFormat="1" ht="21.75" customHeight="1">
      <c r="A7" s="14"/>
      <c r="B7" s="71" t="s">
        <v>30</v>
      </c>
      <c r="C7" s="28"/>
      <c r="D7" s="2">
        <v>-4</v>
      </c>
      <c r="E7" s="29">
        <v>-3544</v>
      </c>
      <c r="F7" s="29">
        <v>4882</v>
      </c>
      <c r="G7" s="29">
        <v>8426</v>
      </c>
      <c r="H7" s="29">
        <v>3540</v>
      </c>
      <c r="I7" s="29">
        <v>37027</v>
      </c>
      <c r="J7" s="29">
        <v>33487</v>
      </c>
      <c r="K7" s="30">
        <v>-4.4716959532940303E-5</v>
      </c>
      <c r="L7" s="31">
        <v>98.318367879030674</v>
      </c>
      <c r="M7" s="32">
        <v>96.918413814735587</v>
      </c>
      <c r="N7" s="19"/>
    </row>
    <row r="8" spans="1:15" s="6" customFormat="1" ht="21.75" customHeight="1">
      <c r="A8" s="14"/>
      <c r="B8" s="71" t="s">
        <v>31</v>
      </c>
      <c r="C8" s="28"/>
      <c r="D8" s="2">
        <v>-144</v>
      </c>
      <c r="E8" s="29">
        <v>-222</v>
      </c>
      <c r="F8" s="29">
        <v>128</v>
      </c>
      <c r="G8" s="29">
        <v>350</v>
      </c>
      <c r="H8" s="29">
        <v>78</v>
      </c>
      <c r="I8" s="29">
        <v>1066</v>
      </c>
      <c r="J8" s="29">
        <v>988</v>
      </c>
      <c r="K8" s="30">
        <v>-5.0604264112088439E-2</v>
      </c>
      <c r="L8" s="31">
        <v>96.582135871330721</v>
      </c>
      <c r="M8" s="32">
        <v>3.0815861852644191</v>
      </c>
      <c r="N8" s="19"/>
    </row>
    <row r="9" spans="1:15" s="6" customFormat="1" ht="21.75" customHeight="1">
      <c r="A9" s="14"/>
      <c r="B9" s="72"/>
      <c r="C9" s="28"/>
      <c r="D9" s="33"/>
      <c r="E9" s="34"/>
      <c r="F9" s="34"/>
      <c r="G9" s="34"/>
      <c r="H9" s="34"/>
      <c r="I9" s="34"/>
      <c r="J9" s="34"/>
      <c r="K9" s="35"/>
      <c r="L9" s="36"/>
      <c r="M9" s="37"/>
      <c r="N9" s="19"/>
    </row>
    <row r="10" spans="1:15" s="6" customFormat="1" ht="21.75" customHeight="1">
      <c r="A10" s="38"/>
      <c r="B10" s="73" t="s">
        <v>32</v>
      </c>
      <c r="C10" s="39"/>
      <c r="D10" s="40">
        <v>-155</v>
      </c>
      <c r="E10" s="41">
        <v>-1460</v>
      </c>
      <c r="F10" s="41">
        <v>2054</v>
      </c>
      <c r="G10" s="41">
        <v>3514</v>
      </c>
      <c r="H10" s="41">
        <v>1305</v>
      </c>
      <c r="I10" s="41">
        <v>16503</v>
      </c>
      <c r="J10" s="41">
        <v>15198</v>
      </c>
      <c r="K10" s="42">
        <v>-4.1094808108456359E-3</v>
      </c>
      <c r="L10" s="43">
        <v>97.229971798225264</v>
      </c>
      <c r="M10" s="44">
        <v>40.86445027474209</v>
      </c>
      <c r="N10" s="19"/>
    </row>
    <row r="11" spans="1:15" s="6" customFormat="1" ht="21.75" customHeight="1">
      <c r="A11" s="14"/>
      <c r="B11" s="71" t="s">
        <v>33</v>
      </c>
      <c r="C11" s="28"/>
      <c r="D11" s="2">
        <v>404</v>
      </c>
      <c r="E11" s="29">
        <v>-146</v>
      </c>
      <c r="F11" s="29">
        <v>1049</v>
      </c>
      <c r="G11" s="29">
        <v>1195</v>
      </c>
      <c r="H11" s="29">
        <v>550</v>
      </c>
      <c r="I11" s="29">
        <v>8136</v>
      </c>
      <c r="J11" s="29">
        <v>7586</v>
      </c>
      <c r="K11" s="30">
        <v>2.6138648709501271E-2</v>
      </c>
      <c r="L11" s="31">
        <v>101.28635113740521</v>
      </c>
      <c r="M11" s="32">
        <v>16.750605256044029</v>
      </c>
      <c r="N11" s="19"/>
    </row>
    <row r="12" spans="1:15" s="6" customFormat="1" ht="21.75" customHeight="1">
      <c r="A12" s="38"/>
      <c r="B12" s="73" t="s">
        <v>34</v>
      </c>
      <c r="C12" s="39"/>
      <c r="D12" s="40">
        <v>23</v>
      </c>
      <c r="E12" s="41">
        <v>-294</v>
      </c>
      <c r="F12" s="41">
        <v>372</v>
      </c>
      <c r="G12" s="41">
        <v>666</v>
      </c>
      <c r="H12" s="41">
        <v>317</v>
      </c>
      <c r="I12" s="41">
        <v>2700</v>
      </c>
      <c r="J12" s="41">
        <v>2383</v>
      </c>
      <c r="K12" s="42">
        <v>3.1720331491255534E-3</v>
      </c>
      <c r="L12" s="43">
        <v>99.184702737893474</v>
      </c>
      <c r="M12" s="44">
        <v>7.8563832639999829</v>
      </c>
      <c r="N12" s="19"/>
    </row>
    <row r="13" spans="1:15" s="6" customFormat="1" ht="21.75" customHeight="1">
      <c r="A13" s="14"/>
      <c r="B13" s="71" t="s">
        <v>28</v>
      </c>
      <c r="C13" s="28"/>
      <c r="D13" s="2">
        <v>-248</v>
      </c>
      <c r="E13" s="29">
        <v>-357</v>
      </c>
      <c r="F13" s="29">
        <v>126</v>
      </c>
      <c r="G13" s="29">
        <v>483</v>
      </c>
      <c r="H13" s="29">
        <v>109</v>
      </c>
      <c r="I13" s="29">
        <v>999</v>
      </c>
      <c r="J13" s="29">
        <v>890</v>
      </c>
      <c r="K13" s="30">
        <v>-6.6058643027616784E-2</v>
      </c>
      <c r="L13" s="31">
        <v>99.090450794661578</v>
      </c>
      <c r="M13" s="32">
        <v>4.0649369715690824</v>
      </c>
      <c r="N13" s="19"/>
    </row>
    <row r="14" spans="1:15" s="6" customFormat="1" ht="21.75" customHeight="1">
      <c r="A14" s="38"/>
      <c r="B14" s="73" t="s">
        <v>2</v>
      </c>
      <c r="C14" s="39"/>
      <c r="D14" s="40">
        <v>-21</v>
      </c>
      <c r="E14" s="41">
        <v>-176</v>
      </c>
      <c r="F14" s="41">
        <v>110</v>
      </c>
      <c r="G14" s="41">
        <v>286</v>
      </c>
      <c r="H14" s="41">
        <v>155</v>
      </c>
      <c r="I14" s="41">
        <v>780</v>
      </c>
      <c r="J14" s="41">
        <v>625</v>
      </c>
      <c r="K14" s="42">
        <v>-8.1249540553193309E-3</v>
      </c>
      <c r="L14" s="43">
        <v>99.555243264946839</v>
      </c>
      <c r="M14" s="44">
        <v>2.8001536367098558</v>
      </c>
      <c r="N14" s="19"/>
    </row>
    <row r="15" spans="1:15" s="6" customFormat="1" ht="21.75" customHeight="1">
      <c r="A15" s="14"/>
      <c r="B15" s="71" t="s">
        <v>7</v>
      </c>
      <c r="C15" s="28"/>
      <c r="D15" s="2">
        <v>-83</v>
      </c>
      <c r="E15" s="29">
        <v>-80</v>
      </c>
      <c r="F15" s="29">
        <v>85</v>
      </c>
      <c r="G15" s="29">
        <v>165</v>
      </c>
      <c r="H15" s="29">
        <v>-3</v>
      </c>
      <c r="I15" s="29">
        <v>529</v>
      </c>
      <c r="J15" s="29">
        <v>532</v>
      </c>
      <c r="K15" s="30">
        <v>-4.8368298368298368E-2</v>
      </c>
      <c r="L15" s="31">
        <v>88.424313665176271</v>
      </c>
      <c r="M15" s="32">
        <v>1.8583432696990594</v>
      </c>
      <c r="N15" s="19"/>
    </row>
    <row r="16" spans="1:15" s="6" customFormat="1" ht="21.75" customHeight="1">
      <c r="A16" s="38"/>
      <c r="B16" s="73" t="s">
        <v>1</v>
      </c>
      <c r="C16" s="39"/>
      <c r="D16" s="40">
        <v>106</v>
      </c>
      <c r="E16" s="41">
        <v>-143</v>
      </c>
      <c r="F16" s="41">
        <v>268</v>
      </c>
      <c r="G16" s="41">
        <v>411</v>
      </c>
      <c r="H16" s="41">
        <v>249</v>
      </c>
      <c r="I16" s="41">
        <v>1554</v>
      </c>
      <c r="J16" s="41">
        <v>1305</v>
      </c>
      <c r="K16" s="42">
        <v>2.3874626677417757E-2</v>
      </c>
      <c r="L16" s="43">
        <v>97.353171217292385</v>
      </c>
      <c r="M16" s="44">
        <v>4.81162438316432</v>
      </c>
      <c r="N16" s="19"/>
    </row>
    <row r="17" spans="1:14" s="6" customFormat="1" ht="21.75" customHeight="1">
      <c r="A17" s="14"/>
      <c r="B17" s="71" t="s">
        <v>6</v>
      </c>
      <c r="C17" s="28"/>
      <c r="D17" s="2">
        <v>-15</v>
      </c>
      <c r="E17" s="29">
        <v>-137</v>
      </c>
      <c r="F17" s="29">
        <v>75</v>
      </c>
      <c r="G17" s="29">
        <v>212</v>
      </c>
      <c r="H17" s="29">
        <v>122</v>
      </c>
      <c r="I17" s="29">
        <v>576</v>
      </c>
      <c r="J17" s="29">
        <v>454</v>
      </c>
      <c r="K17" s="30">
        <v>-8.0498878382294532E-3</v>
      </c>
      <c r="L17" s="31">
        <v>93.56423814916009</v>
      </c>
      <c r="M17" s="32">
        <v>2.0187625310618644</v>
      </c>
      <c r="N17" s="19"/>
    </row>
    <row r="18" spans="1:14" s="6" customFormat="1" ht="21.75" customHeight="1">
      <c r="A18" s="38"/>
      <c r="B18" s="73" t="s">
        <v>3</v>
      </c>
      <c r="C18" s="39"/>
      <c r="D18" s="40">
        <v>35</v>
      </c>
      <c r="E18" s="41">
        <v>-135</v>
      </c>
      <c r="F18" s="41">
        <v>124</v>
      </c>
      <c r="G18" s="41">
        <v>259</v>
      </c>
      <c r="H18" s="41">
        <v>170</v>
      </c>
      <c r="I18" s="41">
        <v>780</v>
      </c>
      <c r="J18" s="41">
        <v>610</v>
      </c>
      <c r="K18" s="42">
        <v>1.4254644977884935E-2</v>
      </c>
      <c r="L18" s="43">
        <v>93.90343085001382</v>
      </c>
      <c r="M18" s="44">
        <v>2.6606779409430454</v>
      </c>
      <c r="N18" s="19"/>
    </row>
    <row r="19" spans="1:14" s="6" customFormat="1" ht="21.75" customHeight="1">
      <c r="A19" s="14"/>
      <c r="B19" s="71" t="s">
        <v>13</v>
      </c>
      <c r="C19" s="28"/>
      <c r="D19" s="2">
        <v>-26</v>
      </c>
      <c r="E19" s="29">
        <v>-54</v>
      </c>
      <c r="F19" s="29">
        <v>28</v>
      </c>
      <c r="G19" s="29">
        <v>82</v>
      </c>
      <c r="H19" s="29">
        <v>28</v>
      </c>
      <c r="I19" s="29">
        <v>168</v>
      </c>
      <c r="J19" s="29">
        <v>140</v>
      </c>
      <c r="K19" s="30">
        <v>-4.641282422035381E-2</v>
      </c>
      <c r="L19" s="31">
        <v>87.556106384404103</v>
      </c>
      <c r="M19" s="32">
        <v>0.60666997848761017</v>
      </c>
      <c r="N19" s="19"/>
    </row>
    <row r="20" spans="1:14" s="6" customFormat="1" ht="21.75" customHeight="1">
      <c r="A20" s="38"/>
      <c r="B20" s="73" t="s">
        <v>14</v>
      </c>
      <c r="C20" s="39"/>
      <c r="D20" s="40">
        <v>-61</v>
      </c>
      <c r="E20" s="41">
        <v>-68</v>
      </c>
      <c r="F20" s="41">
        <v>11</v>
      </c>
      <c r="G20" s="41">
        <v>79</v>
      </c>
      <c r="H20" s="41">
        <v>7</v>
      </c>
      <c r="I20" s="41">
        <v>100</v>
      </c>
      <c r="J20" s="41">
        <v>93</v>
      </c>
      <c r="K20" s="42">
        <v>-0.15134223192576787</v>
      </c>
      <c r="L20" s="43">
        <v>91.305794552455197</v>
      </c>
      <c r="M20" s="44">
        <v>0.43604438562380782</v>
      </c>
      <c r="N20" s="19"/>
    </row>
    <row r="21" spans="1:14" s="6" customFormat="1" ht="21.75" customHeight="1">
      <c r="A21" s="14"/>
      <c r="B21" s="71" t="s">
        <v>8</v>
      </c>
      <c r="C21" s="28"/>
      <c r="D21" s="2">
        <v>-20</v>
      </c>
      <c r="E21" s="29">
        <v>-104</v>
      </c>
      <c r="F21" s="29">
        <v>77</v>
      </c>
      <c r="G21" s="29">
        <v>181</v>
      </c>
      <c r="H21" s="29">
        <v>84</v>
      </c>
      <c r="I21" s="29">
        <v>514</v>
      </c>
      <c r="J21" s="29">
        <v>430</v>
      </c>
      <c r="K21" s="30">
        <v>-1.2400947432383833E-2</v>
      </c>
      <c r="L21" s="31">
        <v>102.0928891896634</v>
      </c>
      <c r="M21" s="32">
        <v>1.7471896021101754</v>
      </c>
      <c r="N21" s="19"/>
    </row>
    <row r="22" spans="1:14" s="6" customFormat="1" ht="21.75" customHeight="1">
      <c r="A22" s="38"/>
      <c r="B22" s="73" t="s">
        <v>5</v>
      </c>
      <c r="C22" s="39"/>
      <c r="D22" s="40">
        <v>40</v>
      </c>
      <c r="E22" s="41">
        <v>-94</v>
      </c>
      <c r="F22" s="41">
        <v>102</v>
      </c>
      <c r="G22" s="41">
        <v>196</v>
      </c>
      <c r="H22" s="41">
        <v>134</v>
      </c>
      <c r="I22" s="41">
        <v>850</v>
      </c>
      <c r="J22" s="41">
        <v>716</v>
      </c>
      <c r="K22" s="42">
        <v>1.7852520329557524E-2</v>
      </c>
      <c r="L22" s="43">
        <v>106.25109292886528</v>
      </c>
      <c r="M22" s="44">
        <v>2.4280450920493002</v>
      </c>
      <c r="N22" s="19"/>
    </row>
    <row r="23" spans="1:14" s="6" customFormat="1" ht="21.75" customHeight="1">
      <c r="A23" s="14"/>
      <c r="B23" s="71" t="s">
        <v>4</v>
      </c>
      <c r="C23" s="28"/>
      <c r="D23" s="2">
        <v>56</v>
      </c>
      <c r="E23" s="29">
        <v>-42</v>
      </c>
      <c r="F23" s="29">
        <v>155</v>
      </c>
      <c r="G23" s="29">
        <v>197</v>
      </c>
      <c r="H23" s="29">
        <v>98</v>
      </c>
      <c r="I23" s="29">
        <v>960</v>
      </c>
      <c r="J23" s="29">
        <v>862</v>
      </c>
      <c r="K23" s="30">
        <v>2.3021393452057948E-2</v>
      </c>
      <c r="L23" s="31">
        <v>99.344552411227809</v>
      </c>
      <c r="M23" s="32">
        <v>2.6361805783912891</v>
      </c>
      <c r="N23" s="19"/>
    </row>
    <row r="24" spans="1:14" s="6" customFormat="1" ht="21.75" customHeight="1">
      <c r="A24" s="38"/>
      <c r="B24" s="73" t="s">
        <v>11</v>
      </c>
      <c r="C24" s="39"/>
      <c r="D24" s="40">
        <v>44</v>
      </c>
      <c r="E24" s="41">
        <v>-50</v>
      </c>
      <c r="F24" s="41">
        <v>51</v>
      </c>
      <c r="G24" s="41">
        <v>101</v>
      </c>
      <c r="H24" s="41">
        <v>94</v>
      </c>
      <c r="I24" s="41">
        <v>441</v>
      </c>
      <c r="J24" s="41">
        <v>347</v>
      </c>
      <c r="K24" s="42">
        <v>4.3372828894190009E-2</v>
      </c>
      <c r="L24" s="43">
        <v>102.42939205361417</v>
      </c>
      <c r="M24" s="44">
        <v>1.0996184543908625</v>
      </c>
      <c r="N24" s="19"/>
    </row>
    <row r="25" spans="1:14" s="6" customFormat="1" ht="21.75" customHeight="1">
      <c r="A25" s="14"/>
      <c r="B25" s="71" t="s">
        <v>9</v>
      </c>
      <c r="C25" s="28"/>
      <c r="D25" s="2">
        <v>16</v>
      </c>
      <c r="E25" s="29">
        <v>-21</v>
      </c>
      <c r="F25" s="29">
        <v>99</v>
      </c>
      <c r="G25" s="29">
        <v>120</v>
      </c>
      <c r="H25" s="29">
        <v>37</v>
      </c>
      <c r="I25" s="29">
        <v>531</v>
      </c>
      <c r="J25" s="29">
        <v>494</v>
      </c>
      <c r="K25" s="30">
        <v>1.1414710708425483E-2</v>
      </c>
      <c r="L25" s="31">
        <v>100.89422622203752</v>
      </c>
      <c r="M25" s="32">
        <v>1.5188798171961517</v>
      </c>
      <c r="N25" s="19"/>
    </row>
    <row r="26" spans="1:14" s="6" customFormat="1" ht="21.75" customHeight="1">
      <c r="A26" s="38"/>
      <c r="B26" s="73" t="s">
        <v>10</v>
      </c>
      <c r="C26" s="39"/>
      <c r="D26" s="40">
        <v>-62</v>
      </c>
      <c r="E26" s="41">
        <v>-99</v>
      </c>
      <c r="F26" s="41">
        <v>51</v>
      </c>
      <c r="G26" s="41">
        <v>150</v>
      </c>
      <c r="H26" s="41">
        <v>37</v>
      </c>
      <c r="I26" s="41">
        <v>476</v>
      </c>
      <c r="J26" s="41">
        <v>439</v>
      </c>
      <c r="K26" s="42">
        <v>-4.694302479651713E-2</v>
      </c>
      <c r="L26" s="43">
        <v>98.671141343607033</v>
      </c>
      <c r="M26" s="44">
        <v>1.4303274314661634</v>
      </c>
      <c r="N26" s="19"/>
    </row>
    <row r="27" spans="1:14" s="6" customFormat="1" ht="21.75" customHeight="1">
      <c r="A27" s="14"/>
      <c r="B27" s="71" t="s">
        <v>15</v>
      </c>
      <c r="C27" s="28"/>
      <c r="D27" s="2">
        <v>-36</v>
      </c>
      <c r="E27" s="29">
        <v>-48</v>
      </c>
      <c r="F27" s="29">
        <v>9</v>
      </c>
      <c r="G27" s="29">
        <v>57</v>
      </c>
      <c r="H27" s="29">
        <v>12</v>
      </c>
      <c r="I27" s="29">
        <v>122</v>
      </c>
      <c r="J27" s="29">
        <v>110</v>
      </c>
      <c r="K27" s="30">
        <v>-9.041364241404426E-2</v>
      </c>
      <c r="L27" s="31">
        <v>95.38801571709233</v>
      </c>
      <c r="M27" s="32">
        <v>0.43101706310102372</v>
      </c>
      <c r="N27" s="19"/>
    </row>
    <row r="28" spans="1:14" s="6" customFormat="1" ht="21.75" customHeight="1">
      <c r="A28" s="38"/>
      <c r="B28" s="73" t="s">
        <v>12</v>
      </c>
      <c r="C28" s="39"/>
      <c r="D28" s="40">
        <v>-1</v>
      </c>
      <c r="E28" s="41">
        <v>-36</v>
      </c>
      <c r="F28" s="41">
        <v>36</v>
      </c>
      <c r="G28" s="41">
        <v>72</v>
      </c>
      <c r="H28" s="41">
        <v>35</v>
      </c>
      <c r="I28" s="41">
        <v>308</v>
      </c>
      <c r="J28" s="41">
        <v>273</v>
      </c>
      <c r="K28" s="42">
        <v>-1.2058507880234901E-3</v>
      </c>
      <c r="L28" s="43">
        <v>101.87443706029843</v>
      </c>
      <c r="M28" s="44">
        <v>0.898503883985865</v>
      </c>
      <c r="N28" s="19"/>
    </row>
    <row r="29" spans="1:14" s="6" customFormat="1" ht="21.75" customHeight="1">
      <c r="A29" s="14"/>
      <c r="B29" s="71" t="s">
        <v>47</v>
      </c>
      <c r="C29" s="28"/>
      <c r="D29" s="2">
        <v>-58</v>
      </c>
      <c r="E29" s="29">
        <v>-34</v>
      </c>
      <c r="F29" s="29">
        <v>4</v>
      </c>
      <c r="G29" s="29">
        <v>38</v>
      </c>
      <c r="H29" s="29">
        <v>-24</v>
      </c>
      <c r="I29" s="29">
        <v>80</v>
      </c>
      <c r="J29" s="29">
        <v>104</v>
      </c>
      <c r="K29" s="30">
        <v>-0.18638729995500994</v>
      </c>
      <c r="L29" s="31">
        <v>88.585306618093512</v>
      </c>
      <c r="M29" s="32">
        <v>0.33652723611567825</v>
      </c>
      <c r="N29" s="19"/>
    </row>
    <row r="30" spans="1:14" s="6" customFormat="1" ht="21.75" customHeight="1">
      <c r="A30" s="38"/>
      <c r="B30" s="73" t="s">
        <v>48</v>
      </c>
      <c r="C30" s="39"/>
      <c r="D30" s="40">
        <v>-2</v>
      </c>
      <c r="E30" s="41">
        <v>-8</v>
      </c>
      <c r="F30" s="41">
        <v>39</v>
      </c>
      <c r="G30" s="41">
        <v>47</v>
      </c>
      <c r="H30" s="41">
        <v>6</v>
      </c>
      <c r="I30" s="41">
        <v>164</v>
      </c>
      <c r="J30" s="41">
        <v>158</v>
      </c>
      <c r="K30" s="42">
        <v>-4.1138719763040973E-3</v>
      </c>
      <c r="L30" s="43">
        <v>102.86262727424472</v>
      </c>
      <c r="M30" s="44">
        <v>0.52672038172979985</v>
      </c>
      <c r="N30" s="19"/>
    </row>
    <row r="31" spans="1:14" s="6" customFormat="1" ht="21.75" customHeight="1">
      <c r="A31" s="14"/>
      <c r="B31" s="71" t="s">
        <v>24</v>
      </c>
      <c r="C31" s="28"/>
      <c r="D31" s="2">
        <v>-36</v>
      </c>
      <c r="E31" s="29">
        <v>-18</v>
      </c>
      <c r="F31" s="29">
        <v>10</v>
      </c>
      <c r="G31" s="29">
        <v>28</v>
      </c>
      <c r="H31" s="29">
        <v>-18</v>
      </c>
      <c r="I31" s="29">
        <v>72</v>
      </c>
      <c r="J31" s="29">
        <v>90</v>
      </c>
      <c r="K31" s="30">
        <v>-0.11558466576767482</v>
      </c>
      <c r="L31" s="31">
        <v>94.607781809082951</v>
      </c>
      <c r="M31" s="32">
        <v>0.3370689734564955</v>
      </c>
      <c r="N31" s="19"/>
    </row>
    <row r="32" spans="1:14" s="6" customFormat="1" ht="21.75" customHeight="1">
      <c r="A32" s="38"/>
      <c r="B32" s="73" t="s">
        <v>20</v>
      </c>
      <c r="C32" s="39"/>
      <c r="D32" s="40">
        <v>-17</v>
      </c>
      <c r="E32" s="41">
        <v>-38</v>
      </c>
      <c r="F32" s="41">
        <v>9</v>
      </c>
      <c r="G32" s="41">
        <v>47</v>
      </c>
      <c r="H32" s="41">
        <v>21</v>
      </c>
      <c r="I32" s="41">
        <v>101</v>
      </c>
      <c r="J32" s="41">
        <v>80</v>
      </c>
      <c r="K32" s="42">
        <v>-6.3037674280628897E-2</v>
      </c>
      <c r="L32" s="43">
        <v>92.081818829734161</v>
      </c>
      <c r="M32" s="44">
        <v>0.29200726144731631</v>
      </c>
      <c r="N32" s="19"/>
    </row>
    <row r="33" spans="1:22" s="6" customFormat="1" ht="21.75" customHeight="1">
      <c r="A33" s="14"/>
      <c r="B33" s="71" t="s">
        <v>19</v>
      </c>
      <c r="C33" s="28"/>
      <c r="D33" s="2">
        <v>-4</v>
      </c>
      <c r="E33" s="29">
        <v>-10</v>
      </c>
      <c r="F33" s="29">
        <v>2</v>
      </c>
      <c r="G33" s="29">
        <v>12</v>
      </c>
      <c r="H33" s="29">
        <v>6</v>
      </c>
      <c r="I33" s="29">
        <v>37</v>
      </c>
      <c r="J33" s="29">
        <v>31</v>
      </c>
      <c r="K33" s="30">
        <v>-4.4588117266748412E-2</v>
      </c>
      <c r="L33" s="31">
        <v>99.355269008448204</v>
      </c>
      <c r="M33" s="32">
        <v>9.7155174702166364E-2</v>
      </c>
      <c r="N33" s="19"/>
    </row>
    <row r="34" spans="1:22" s="6" customFormat="1" ht="21.75" customHeight="1">
      <c r="A34" s="38"/>
      <c r="B34" s="73" t="s">
        <v>22</v>
      </c>
      <c r="C34" s="39"/>
      <c r="D34" s="40">
        <v>5</v>
      </c>
      <c r="E34" s="41">
        <v>-11</v>
      </c>
      <c r="F34" s="41">
        <v>13</v>
      </c>
      <c r="G34" s="41">
        <v>24</v>
      </c>
      <c r="H34" s="41">
        <v>16</v>
      </c>
      <c r="I34" s="41">
        <v>59</v>
      </c>
      <c r="J34" s="41">
        <v>43</v>
      </c>
      <c r="K34" s="42">
        <v>2.8861694758716232E-2</v>
      </c>
      <c r="L34" s="43">
        <v>96.229192616917686</v>
      </c>
      <c r="M34" s="44">
        <v>0.18775532758044394</v>
      </c>
      <c r="N34" s="19"/>
    </row>
    <row r="35" spans="1:22" s="6" customFormat="1" ht="21.75" customHeight="1">
      <c r="A35" s="14"/>
      <c r="B35" s="71" t="s">
        <v>21</v>
      </c>
      <c r="C35" s="28"/>
      <c r="D35" s="2">
        <v>22</v>
      </c>
      <c r="E35" s="29">
        <v>-5</v>
      </c>
      <c r="F35" s="29">
        <v>5</v>
      </c>
      <c r="G35" s="29">
        <v>10</v>
      </c>
      <c r="H35" s="29">
        <v>27</v>
      </c>
      <c r="I35" s="29">
        <v>86</v>
      </c>
      <c r="J35" s="29">
        <v>59</v>
      </c>
      <c r="K35" s="30">
        <v>0.21233471672618473</v>
      </c>
      <c r="L35" s="31">
        <v>98.300229182582115</v>
      </c>
      <c r="M35" s="32">
        <v>0.11249717619411098</v>
      </c>
      <c r="N35" s="19"/>
    </row>
    <row r="36" spans="1:22" s="6" customFormat="1" ht="21.75" customHeight="1">
      <c r="A36" s="38"/>
      <c r="B36" s="73" t="s">
        <v>17</v>
      </c>
      <c r="C36" s="39"/>
      <c r="D36" s="40">
        <v>-6</v>
      </c>
      <c r="E36" s="41">
        <v>-14</v>
      </c>
      <c r="F36" s="41">
        <v>1</v>
      </c>
      <c r="G36" s="41">
        <v>15</v>
      </c>
      <c r="H36" s="41">
        <v>8</v>
      </c>
      <c r="I36" s="41">
        <v>30</v>
      </c>
      <c r="J36" s="41">
        <v>22</v>
      </c>
      <c r="K36" s="42">
        <v>-6.4928038091115678E-2</v>
      </c>
      <c r="L36" s="43">
        <v>98.175965665236049</v>
      </c>
      <c r="M36" s="44">
        <v>0.10005888684894684</v>
      </c>
      <c r="N36" s="19"/>
    </row>
    <row r="37" spans="1:22" s="6" customFormat="1" ht="21.75" customHeight="1">
      <c r="A37" s="14"/>
      <c r="B37" s="71" t="s">
        <v>26</v>
      </c>
      <c r="C37" s="28"/>
      <c r="D37" s="2">
        <v>-5</v>
      </c>
      <c r="E37" s="29">
        <v>3</v>
      </c>
      <c r="F37" s="29">
        <v>16</v>
      </c>
      <c r="G37" s="29">
        <v>13</v>
      </c>
      <c r="H37" s="29">
        <v>-8</v>
      </c>
      <c r="I37" s="29">
        <v>46</v>
      </c>
      <c r="J37" s="29">
        <v>54</v>
      </c>
      <c r="K37" s="30">
        <v>-2.6584432156529138E-2</v>
      </c>
      <c r="L37" s="31">
        <v>94.326167837949569</v>
      </c>
      <c r="M37" s="32">
        <v>0.20372574438773655</v>
      </c>
      <c r="N37" s="19"/>
      <c r="S37" s="45"/>
      <c r="T37" s="45"/>
      <c r="U37" s="45"/>
      <c r="V37" s="45"/>
    </row>
    <row r="38" spans="1:22" s="6" customFormat="1" ht="21.75" customHeight="1">
      <c r="A38" s="38"/>
      <c r="B38" s="73" t="s">
        <v>27</v>
      </c>
      <c r="C38" s="39"/>
      <c r="D38" s="40">
        <v>-14</v>
      </c>
      <c r="E38" s="41">
        <v>-13</v>
      </c>
      <c r="F38" s="41">
        <v>4</v>
      </c>
      <c r="G38" s="41">
        <v>17</v>
      </c>
      <c r="H38" s="41">
        <v>-1</v>
      </c>
      <c r="I38" s="41">
        <v>108</v>
      </c>
      <c r="J38" s="41">
        <v>109</v>
      </c>
      <c r="K38" s="42">
        <v>-0.12767897856817145</v>
      </c>
      <c r="L38" s="43">
        <v>90.950305143853527</v>
      </c>
      <c r="M38" s="44">
        <v>0.11865131238579499</v>
      </c>
      <c r="N38" s="19"/>
    </row>
    <row r="39" spans="1:22" s="6" customFormat="1" ht="21.75" customHeight="1">
      <c r="A39" s="14"/>
      <c r="B39" s="71" t="s">
        <v>18</v>
      </c>
      <c r="C39" s="28"/>
      <c r="D39" s="2">
        <v>-15</v>
      </c>
      <c r="E39" s="29">
        <v>-13</v>
      </c>
      <c r="F39" s="29">
        <v>2</v>
      </c>
      <c r="G39" s="29">
        <v>15</v>
      </c>
      <c r="H39" s="29">
        <v>-2</v>
      </c>
      <c r="I39" s="29">
        <v>17</v>
      </c>
      <c r="J39" s="29">
        <v>19</v>
      </c>
      <c r="K39" s="30">
        <v>-0.23636936653009771</v>
      </c>
      <c r="L39" s="31">
        <v>86.370326758904909</v>
      </c>
      <c r="M39" s="32">
        <v>6.8594782094280715E-2</v>
      </c>
      <c r="N39" s="19"/>
    </row>
    <row r="40" spans="1:22" s="6" customFormat="1" ht="21.75" customHeight="1">
      <c r="A40" s="38"/>
      <c r="B40" s="73" t="s">
        <v>23</v>
      </c>
      <c r="C40" s="39"/>
      <c r="D40" s="40">
        <v>-58</v>
      </c>
      <c r="E40" s="41">
        <v>-35</v>
      </c>
      <c r="F40" s="41">
        <v>6</v>
      </c>
      <c r="G40" s="41">
        <v>41</v>
      </c>
      <c r="H40" s="41">
        <v>-23</v>
      </c>
      <c r="I40" s="41">
        <v>77</v>
      </c>
      <c r="J40" s="41">
        <v>100</v>
      </c>
      <c r="K40" s="42">
        <v>-0.25808748275708626</v>
      </c>
      <c r="L40" s="43">
        <v>86.558468580940499</v>
      </c>
      <c r="M40" s="44">
        <v>0.24286084988837503</v>
      </c>
      <c r="N40" s="19"/>
    </row>
    <row r="41" spans="1:22" s="6" customFormat="1" ht="21.75" customHeight="1">
      <c r="A41" s="14"/>
      <c r="B41" s="71" t="s">
        <v>25</v>
      </c>
      <c r="C41" s="28"/>
      <c r="D41" s="2">
        <v>36</v>
      </c>
      <c r="E41" s="29">
        <v>-22</v>
      </c>
      <c r="F41" s="29">
        <v>17</v>
      </c>
      <c r="G41" s="29">
        <v>39</v>
      </c>
      <c r="H41" s="29">
        <v>58</v>
      </c>
      <c r="I41" s="29">
        <v>173</v>
      </c>
      <c r="J41" s="29">
        <v>115</v>
      </c>
      <c r="K41" s="30">
        <v>9.1575091575091569E-2</v>
      </c>
      <c r="L41" s="31">
        <v>109.78886756238005</v>
      </c>
      <c r="M41" s="32">
        <v>0.4263256177295463</v>
      </c>
      <c r="N41" s="19"/>
    </row>
    <row r="42" spans="1:22" s="6" customFormat="1" ht="21.75" customHeight="1">
      <c r="A42" s="38"/>
      <c r="B42" s="73" t="s">
        <v>16</v>
      </c>
      <c r="C42" s="39"/>
      <c r="D42" s="40">
        <v>8</v>
      </c>
      <c r="E42" s="41">
        <v>-4</v>
      </c>
      <c r="F42" s="41">
        <v>0</v>
      </c>
      <c r="G42" s="41">
        <v>4</v>
      </c>
      <c r="H42" s="41">
        <v>12</v>
      </c>
      <c r="I42" s="41">
        <v>16</v>
      </c>
      <c r="J42" s="41">
        <v>4</v>
      </c>
      <c r="K42" s="42">
        <v>0.27472527472527475</v>
      </c>
      <c r="L42" s="43">
        <v>104.76858345021039</v>
      </c>
      <c r="M42" s="44">
        <v>3.1637460703727645E-2</v>
      </c>
      <c r="N42" s="19"/>
    </row>
    <row r="43" spans="1:22" s="6" customFormat="1" ht="16.5" customHeight="1" thickBot="1">
      <c r="A43" s="14"/>
      <c r="B43" s="27"/>
      <c r="C43" s="28"/>
      <c r="D43" s="2"/>
      <c r="E43" s="29"/>
      <c r="F43" s="29"/>
      <c r="G43" s="29"/>
      <c r="H43" s="29"/>
      <c r="I43" s="29"/>
      <c r="J43" s="29"/>
      <c r="K43" s="30"/>
      <c r="L43" s="31"/>
      <c r="M43" s="32"/>
      <c r="N43" s="19"/>
    </row>
    <row r="44" spans="1:22" s="51" customFormat="1" ht="17.25" customHeight="1">
      <c r="A44" s="46"/>
      <c r="B44" s="47"/>
      <c r="C44" s="74"/>
      <c r="D44" s="48"/>
      <c r="E44" s="48"/>
      <c r="F44" s="48"/>
      <c r="G44" s="48"/>
      <c r="H44" s="48"/>
      <c r="I44" s="48"/>
      <c r="J44" s="48"/>
      <c r="K44" s="49"/>
      <c r="L44" s="50"/>
      <c r="M44" s="59" t="s">
        <v>52</v>
      </c>
      <c r="N44" s="56"/>
    </row>
    <row r="45" spans="1:22" s="51" customFormat="1" ht="17.25" customHeight="1">
      <c r="A45" s="60" t="s">
        <v>53</v>
      </c>
      <c r="B45" s="57"/>
      <c r="C45" s="28"/>
      <c r="D45" s="53"/>
      <c r="E45" s="53"/>
      <c r="F45" s="53"/>
      <c r="G45" s="53"/>
      <c r="H45" s="53"/>
      <c r="I45" s="53"/>
      <c r="J45" s="53"/>
      <c r="K45" s="54"/>
      <c r="L45" s="55"/>
      <c r="M45" s="55"/>
      <c r="N45" s="56"/>
    </row>
    <row r="46" spans="1:22" s="51" customFormat="1" ht="17.25" customHeight="1">
      <c r="A46" s="60"/>
      <c r="B46" s="57"/>
      <c r="C46" s="28"/>
      <c r="D46" s="53"/>
      <c r="E46" s="53"/>
      <c r="F46" s="53"/>
      <c r="G46" s="53"/>
      <c r="H46" s="53"/>
      <c r="I46" s="53"/>
      <c r="J46" s="53"/>
      <c r="K46" s="54"/>
      <c r="L46" s="55"/>
      <c r="M46" s="55"/>
    </row>
    <row r="47" spans="1:22" ht="19.5" customHeight="1">
      <c r="A47" s="60"/>
      <c r="B47" s="57"/>
      <c r="C47" s="28"/>
      <c r="D47" s="53"/>
      <c r="E47" s="53"/>
      <c r="F47" s="53"/>
      <c r="G47" s="53"/>
      <c r="H47" s="53"/>
      <c r="I47" s="53"/>
      <c r="J47" s="53"/>
      <c r="K47" s="54"/>
      <c r="L47" s="55"/>
      <c r="M47" s="55"/>
    </row>
    <row r="48" spans="1:22" ht="15.75" customHeight="1">
      <c r="A48" s="60"/>
      <c r="B48" s="57"/>
      <c r="C48" s="28"/>
      <c r="D48" s="53"/>
      <c r="E48" s="53"/>
      <c r="F48" s="53"/>
      <c r="G48" s="53"/>
      <c r="H48" s="53"/>
      <c r="I48" s="53"/>
      <c r="J48" s="53"/>
      <c r="K48" s="54"/>
      <c r="L48" s="55"/>
      <c r="M48" s="55"/>
    </row>
    <row r="49" spans="1:13" ht="15.75" customHeight="1">
      <c r="A49" s="52"/>
      <c r="B49" s="61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5"/>
    </row>
    <row r="50" spans="1:13">
      <c r="A50" s="52"/>
      <c r="B50" s="58"/>
      <c r="C50" s="28"/>
      <c r="D50" s="53"/>
      <c r="E50" s="53"/>
      <c r="F50" s="53"/>
      <c r="G50" s="53"/>
      <c r="H50" s="53"/>
      <c r="I50" s="53"/>
      <c r="J50" s="53"/>
      <c r="K50" s="54"/>
      <c r="L50" s="55"/>
      <c r="M50" s="55"/>
    </row>
  </sheetData>
  <mergeCells count="5">
    <mergeCell ref="D1:L1"/>
    <mergeCell ref="B3:B4"/>
    <mergeCell ref="D3:D4"/>
    <mergeCell ref="E3:E4"/>
    <mergeCell ref="H3:H4"/>
  </mergeCells>
  <phoneticPr fontId="3"/>
  <printOptions horizontalCentered="1"/>
  <pageMargins left="0.59055118110236227" right="0.59055118110236227" top="1.0236220472440944" bottom="0.27559055118110237" header="0.31496062992125984" footer="0.31496062992125984"/>
  <pageSetup paperSize="9" scale="70" orientation="portrait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人口異動</vt:lpstr>
      <vt:lpstr>人口異動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5:52Z</cp:lastPrinted>
  <dcterms:created xsi:type="dcterms:W3CDTF">2021-07-07T02:59:25Z</dcterms:created>
  <dcterms:modified xsi:type="dcterms:W3CDTF">2023-11-20T04:05:55Z</dcterms:modified>
</cp:coreProperties>
</file>